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eyl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1BA3454-177A-0783-5AD1-CE6D7E9BA62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41857" y="4940512"/>
            <a:ext cx="1627661" cy="172857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9EBBDEE6-E73E-C1A5-7DFA-46220C2581E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0316" y="4155475"/>
            <a:ext cx="1122177" cy="119175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7-17T11:12:02Z</dcterms:modified>
</cp:coreProperties>
</file>